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eidvoo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Graphics, grafische vormgeving, Lettertype&#10;&#10;Automatisch gegenereerde beschrijving">
            <a:extLst>
              <a:ext uri="{FF2B5EF4-FFF2-40B4-BE49-F238E27FC236}">
                <a16:creationId xmlns:a16="http://schemas.microsoft.com/office/drawing/2014/main" id="{7B3A7785-A265-1BEC-B9F0-5702369915B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4012" y="4560888"/>
            <a:ext cx="1476876" cy="205581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Graphics, grafische vormgeving, Lettertype&#10;&#10;Automatisch gegenereerde beschrijving">
            <a:extLst>
              <a:ext uri="{FF2B5EF4-FFF2-40B4-BE49-F238E27FC236}">
                <a16:creationId xmlns:a16="http://schemas.microsoft.com/office/drawing/2014/main" id="{2F292993-5C33-8A14-7A5D-B4DC09BB170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52484" y="3712021"/>
            <a:ext cx="1147969" cy="159797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7</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5-17T08:27:22Z</dcterms:modified>
</cp:coreProperties>
</file>